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6\HP2106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2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6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42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2511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171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340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628</v>
      </c>
      <c r="C30" s="68">
        <v>677</v>
      </c>
      <c r="D30" s="68">
        <v>1305</v>
      </c>
      <c r="E30" s="68">
        <v>1312</v>
      </c>
      <c r="F30" s="68">
        <v>1305</v>
      </c>
      <c r="G30" s="68">
        <v>2617</v>
      </c>
      <c r="H30" s="68">
        <v>-1312</v>
      </c>
      <c r="I30" s="68">
        <v>2352</v>
      </c>
      <c r="J30" s="68">
        <v>942</v>
      </c>
      <c r="K30" s="68">
        <v>897</v>
      </c>
      <c r="L30" s="68">
        <v>1839</v>
      </c>
      <c r="M30" s="68">
        <v>3165</v>
      </c>
      <c r="N30" s="68">
        <v>2851</v>
      </c>
      <c r="O30" s="68">
        <v>1864</v>
      </c>
      <c r="P30" s="68">
        <v>4715</v>
      </c>
      <c r="Q30" s="68">
        <v>6554</v>
      </c>
      <c r="R30" s="68">
        <v>2324</v>
      </c>
      <c r="S30" s="68">
        <v>884</v>
      </c>
      <c r="T30" s="68">
        <v>784</v>
      </c>
      <c r="U30" s="68">
        <v>1668</v>
      </c>
      <c r="V30" s="68">
        <v>2402</v>
      </c>
      <c r="W30" s="68">
        <v>2951</v>
      </c>
      <c r="X30" s="68">
        <v>2214</v>
      </c>
      <c r="Y30" s="68">
        <v>5165</v>
      </c>
      <c r="Z30" s="68">
        <v>6833</v>
      </c>
      <c r="AA30" s="68">
        <v>-279</v>
      </c>
      <c r="AB30" s="68">
        <v>-1591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 t="s">
        <v>29</v>
      </c>
      <c r="AH40" s="75" t="s">
        <v>29</v>
      </c>
      <c r="AI40" s="75" t="s">
        <v>29</v>
      </c>
      <c r="AJ40" s="75">
        <v>0</v>
      </c>
    </row>
    <row r="41" spans="2:36" hidden="1" x14ac:dyDescent="0.2">
      <c r="AF41" s="74">
        <v>8</v>
      </c>
      <c r="AG41" s="75" t="s">
        <v>29</v>
      </c>
      <c r="AH41" s="75" t="s">
        <v>29</v>
      </c>
      <c r="AI41" s="75" t="s">
        <v>29</v>
      </c>
      <c r="AJ41" s="75">
        <v>0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7-01T09:45:42Z</dcterms:created>
  <dcterms:modified xsi:type="dcterms:W3CDTF">2021-07-01T09:45:43Z</dcterms:modified>
</cp:coreProperties>
</file>